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4_大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6"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上垣医院</t>
    <phoneticPr fontId="3"/>
  </si>
  <si>
    <t>〒694-0064 島根県大田市大田町イー３１９－１</t>
    <phoneticPr fontId="3"/>
  </si>
  <si>
    <t>〇</t>
  </si>
  <si>
    <t>人手不足の為</t>
  </si>
  <si>
    <t>整形外科</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610118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6</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2</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6</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747</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c r="M171" s="212">
        <v>0</v>
      </c>
      <c r="N171" s="212">
        <v>1</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7</v>
      </c>
      <c r="K173" s="118" t="str">
        <f t="shared" si="2"/>
        <v/>
      </c>
      <c r="L173" s="212"/>
      <c r="M173" s="212">
        <v>0</v>
      </c>
      <c r="N173" s="212">
        <v>7</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3</v>
      </c>
      <c r="K175" s="118" t="str">
        <f t="shared" si="2"/>
        <v/>
      </c>
      <c r="L175" s="212"/>
      <c r="M175" s="212">
        <v>0</v>
      </c>
      <c r="N175" s="212">
        <v>3</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1</v>
      </c>
      <c r="K179" s="118" t="str">
        <f t="shared" si="2"/>
        <v/>
      </c>
      <c r="L179" s="212"/>
      <c r="M179" s="212">
        <v>0</v>
      </c>
      <c r="N179" s="212">
        <v>1</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1</v>
      </c>
      <c r="K185" s="118" t="str">
        <f t="shared" si="2"/>
        <v/>
      </c>
      <c r="L185" s="212"/>
      <c r="M185" s="212">
        <v>0</v>
      </c>
      <c r="N185" s="212">
        <v>1</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1</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746</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t="s">
        <v>749</v>
      </c>
      <c r="K365" s="118" t="str">
        <f t="shared" ref="K365:K393" si="5">IF(OR(COUNTIF(J365,"未確認")&gt;0,COUNTIF(J365,"*")&gt;0),"※","")</f>
        <v>※</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t="s">
        <v>749</v>
      </c>
      <c r="K366" s="118" t="str">
        <f t="shared" si="5"/>
        <v>※</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t="s">
        <v>749</v>
      </c>
      <c r="K367" s="118" t="str">
        <f t="shared" si="5"/>
        <v>※</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0</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v>0</v>
      </c>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v>0</v>
      </c>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v>0</v>
      </c>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v>0</v>
      </c>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v>0</v>
      </c>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v>0</v>
      </c>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v>0</v>
      </c>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v>0</v>
      </c>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v>0</v>
      </c>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v>0</v>
      </c>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v>0</v>
      </c>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v>0</v>
      </c>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v>0</v>
      </c>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v>0</v>
      </c>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v>0</v>
      </c>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t="s">
        <v>749</v>
      </c>
      <c r="K476" s="118" t="str">
        <f t="shared" si="9"/>
        <v>※</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4:07Z</dcterms:modified>
</cp:coreProperties>
</file>